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3"/>
  </p:notesMasterIdLst>
  <p:handoutMasterIdLst>
    <p:handoutMasterId r:id="rId14"/>
  </p:handoutMasterIdLst>
  <p:sldIdLst>
    <p:sldId id="830" r:id="rId7"/>
    <p:sldId id="821" r:id="rId8"/>
    <p:sldId id="831" r:id="rId9"/>
    <p:sldId id="832" r:id="rId10"/>
    <p:sldId id="833" r:id="rId11"/>
    <p:sldId id="834" r:id="rId12"/>
  </p:sldIdLst>
  <p:sldSz cx="12192000" cy="6858000"/>
  <p:notesSz cx="6858000" cy="9144000"/>
  <p:embeddedFontLst>
    <p:embeddedFont>
      <p:font typeface="Myriad for Rabobank" panose="020B0604020202020204" charset="0"/>
      <p:regular r:id="rId15"/>
      <p:bold r:id="rId16"/>
      <p:italic r:id="rId17"/>
      <p:boldItalic r:id="rId18"/>
    </p:embeddedFont>
    <p:embeddedFont>
      <p:font typeface="Myriad for Rabobank Bd It" panose="020B0604020202020204" charset="0"/>
      <p:regular r:id="rId19"/>
      <p:bold r:id="rId20"/>
      <p:italic r:id="rId21"/>
      <p:boldItalic r:id="rId22"/>
    </p:embeddedFont>
    <p:embeddedFont>
      <p:font typeface="Myriad for Rabobank It" panose="020B0604020202020204" charset="0"/>
      <p:regular r:id="rId23"/>
      <p:bold r:id="rId24"/>
      <p:italic r:id="rId25"/>
      <p:boldItalic r:id="rId26"/>
    </p:embeddedFont>
    <p:embeddedFont>
      <p:font typeface="Myriad for Rabobank Lt" panose="020B0604020202020204" charset="0"/>
      <p:regular r:id="rId27"/>
      <p:bold r:id="rId28"/>
      <p:italic r:id="rId29"/>
      <p:boldItalic r:id="rId30"/>
    </p:embeddedFont>
    <p:embeddedFont>
      <p:font typeface="Myriad for Rabobank SBd" panose="020B0604020202020204" charset="0"/>
      <p:regular r:id="rId31"/>
      <p:bold r:id="rId32"/>
      <p:italic r:id="rId33"/>
      <p:boldItalic r:id="rId34"/>
    </p:embeddedFont>
    <p:embeddedFont>
      <p:font typeface="Myriad for Rabobank SBd It" panose="020B0604020202020204" charset="0"/>
      <p:regular r:id="rId35"/>
      <p:bold r:id="rId36"/>
      <p:italic r:id="rId37"/>
      <p:boldItalic r:id="rId38"/>
    </p:embeddedFont>
    <p:embeddedFont>
      <p:font typeface="Myriad Pro" panose="020B0503030403020204" charset="0"/>
      <p:regular r:id="rId39"/>
      <p:bold r:id="rId40"/>
      <p:italic r:id="rId41"/>
      <p:boldItalic r:id="rId42"/>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6D60E53-7AC6-461F-824A-71353C1A5322}" v="27" dt="2023-04-07T01:04:34.241"/>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p:scale>
          <a:sx n="75" d="100"/>
          <a:sy n="75" d="100"/>
        </p:scale>
        <p:origin x="648" y="690"/>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notesMaster" Target="notesMasters/notesMaster1.xml"/><Relationship Id="rId18" Type="http://schemas.openxmlformats.org/officeDocument/2006/relationships/font" Target="fonts/font4.fntdata"/><Relationship Id="rId26" Type="http://schemas.openxmlformats.org/officeDocument/2006/relationships/font" Target="fonts/font12.fntdata"/><Relationship Id="rId39" Type="http://schemas.openxmlformats.org/officeDocument/2006/relationships/font" Target="fonts/font25.fntdata"/><Relationship Id="rId21" Type="http://schemas.openxmlformats.org/officeDocument/2006/relationships/font" Target="fonts/font7.fntdata"/><Relationship Id="rId34" Type="http://schemas.openxmlformats.org/officeDocument/2006/relationships/font" Target="fonts/font20.fntdata"/><Relationship Id="rId42" Type="http://schemas.openxmlformats.org/officeDocument/2006/relationships/font" Target="fonts/font28.fntdata"/><Relationship Id="rId47" Type="http://schemas.microsoft.com/office/2016/11/relationships/changesInfo" Target="changesInfos/changesInfo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font" Target="fonts/font2.fntdata"/><Relationship Id="rId29" Type="http://schemas.openxmlformats.org/officeDocument/2006/relationships/font" Target="fonts/font15.fntdata"/><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font" Target="fonts/font10.fntdata"/><Relationship Id="rId32" Type="http://schemas.openxmlformats.org/officeDocument/2006/relationships/font" Target="fonts/font18.fntdata"/><Relationship Id="rId37" Type="http://schemas.openxmlformats.org/officeDocument/2006/relationships/font" Target="fonts/font23.fntdata"/><Relationship Id="rId40" Type="http://schemas.openxmlformats.org/officeDocument/2006/relationships/font" Target="fonts/font26.fntdata"/><Relationship Id="rId45"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font" Target="fonts/font1.fntdata"/><Relationship Id="rId23" Type="http://schemas.openxmlformats.org/officeDocument/2006/relationships/font" Target="fonts/font9.fntdata"/><Relationship Id="rId28" Type="http://schemas.openxmlformats.org/officeDocument/2006/relationships/font" Target="fonts/font14.fntdata"/><Relationship Id="rId36" Type="http://schemas.openxmlformats.org/officeDocument/2006/relationships/font" Target="fonts/font22.fntdata"/><Relationship Id="rId10" Type="http://schemas.openxmlformats.org/officeDocument/2006/relationships/slide" Target="slides/slide4.xml"/><Relationship Id="rId19" Type="http://schemas.openxmlformats.org/officeDocument/2006/relationships/font" Target="fonts/font5.fntdata"/><Relationship Id="rId31" Type="http://schemas.openxmlformats.org/officeDocument/2006/relationships/font" Target="fonts/font17.fntdata"/><Relationship Id="rId44"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handoutMaster" Target="handoutMasters/handoutMaster1.xml"/><Relationship Id="rId22" Type="http://schemas.openxmlformats.org/officeDocument/2006/relationships/font" Target="fonts/font8.fntdata"/><Relationship Id="rId27" Type="http://schemas.openxmlformats.org/officeDocument/2006/relationships/font" Target="fonts/font13.fntdata"/><Relationship Id="rId30" Type="http://schemas.openxmlformats.org/officeDocument/2006/relationships/font" Target="fonts/font16.fntdata"/><Relationship Id="rId35" Type="http://schemas.openxmlformats.org/officeDocument/2006/relationships/font" Target="fonts/font21.fntdata"/><Relationship Id="rId43" Type="http://schemas.openxmlformats.org/officeDocument/2006/relationships/presProps" Target="presProps.xml"/><Relationship Id="rId48" Type="http://schemas.microsoft.com/office/2015/10/relationships/revisionInfo" Target="revisionInfo.xml"/><Relationship Id="rId8" Type="http://schemas.openxmlformats.org/officeDocument/2006/relationships/slide" Target="slides/slide2.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font" Target="fonts/font3.fntdata"/><Relationship Id="rId25" Type="http://schemas.openxmlformats.org/officeDocument/2006/relationships/font" Target="fonts/font11.fntdata"/><Relationship Id="rId33" Type="http://schemas.openxmlformats.org/officeDocument/2006/relationships/font" Target="fonts/font19.fntdata"/><Relationship Id="rId38" Type="http://schemas.openxmlformats.org/officeDocument/2006/relationships/font" Target="fonts/font24.fntdata"/><Relationship Id="rId46" Type="http://schemas.openxmlformats.org/officeDocument/2006/relationships/tableStyles" Target="tableStyles.xml"/><Relationship Id="rId20" Type="http://schemas.openxmlformats.org/officeDocument/2006/relationships/font" Target="fonts/font6.fntdata"/><Relationship Id="rId41" Type="http://schemas.openxmlformats.org/officeDocument/2006/relationships/font" Target="fonts/font27.fntdata"/></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ys, B (Brecht) (Business Manager III)" userId="f0c14ff5-aa98-4919-8cfd-4bc2d31aed24" providerId="ADAL" clId="{1DD1E73E-A881-4055-961D-3C75B76A98ED}"/>
    <pc:docChg chg="custSel delSld modSld">
      <pc:chgData name="Nys, B (Brecht) (Business Manager III)" userId="f0c14ff5-aa98-4919-8cfd-4bc2d31aed24" providerId="ADAL" clId="{1DD1E73E-A881-4055-961D-3C75B76A98ED}" dt="2023-04-06T23:08:31.138" v="36" actId="20577"/>
      <pc:docMkLst>
        <pc:docMk/>
      </pc:docMkLst>
      <pc:sldChg chg="del">
        <pc:chgData name="Nys, B (Brecht) (Business Manager III)" userId="f0c14ff5-aa98-4919-8cfd-4bc2d31aed24" providerId="ADAL" clId="{1DD1E73E-A881-4055-961D-3C75B76A98ED}" dt="2023-04-06T23:06:24.620" v="11" actId="47"/>
        <pc:sldMkLst>
          <pc:docMk/>
          <pc:sldMk cId="1789068034" sldId="815"/>
        </pc:sldMkLst>
      </pc:sldChg>
      <pc:sldChg chg="del">
        <pc:chgData name="Nys, B (Brecht) (Business Manager III)" userId="f0c14ff5-aa98-4919-8cfd-4bc2d31aed24" providerId="ADAL" clId="{1DD1E73E-A881-4055-961D-3C75B76A98ED}" dt="2023-04-06T23:06:27.405" v="12" actId="47"/>
        <pc:sldMkLst>
          <pc:docMk/>
          <pc:sldMk cId="3401905049" sldId="827"/>
        </pc:sldMkLst>
      </pc:sldChg>
      <pc:sldChg chg="delSp modSp mod">
        <pc:chgData name="Nys, B (Brecht) (Business Manager III)" userId="f0c14ff5-aa98-4919-8cfd-4bc2d31aed24" providerId="ADAL" clId="{1DD1E73E-A881-4055-961D-3C75B76A98ED}" dt="2023-04-06T23:08:31.138" v="36" actId="20577"/>
        <pc:sldMkLst>
          <pc:docMk/>
          <pc:sldMk cId="1777398863" sldId="830"/>
        </pc:sldMkLst>
        <pc:spChg chg="mod">
          <ac:chgData name="Nys, B (Brecht) (Business Manager III)" userId="f0c14ff5-aa98-4919-8cfd-4bc2d31aed24" providerId="ADAL" clId="{1DD1E73E-A881-4055-961D-3C75B76A98ED}" dt="2023-04-06T23:08:25.536" v="29" actId="20577"/>
          <ac:spMkLst>
            <pc:docMk/>
            <pc:sldMk cId="1777398863" sldId="830"/>
            <ac:spMk id="6" creationId="{7A7ABC60-E318-4903-BC01-B1CAACC679D3}"/>
          </ac:spMkLst>
        </pc:spChg>
        <pc:spChg chg="mod">
          <ac:chgData name="Nys, B (Brecht) (Business Manager III)" userId="f0c14ff5-aa98-4919-8cfd-4bc2d31aed24" providerId="ADAL" clId="{1DD1E73E-A881-4055-961D-3C75B76A98ED}" dt="2023-04-06T23:08:31.138" v="36" actId="20577"/>
          <ac:spMkLst>
            <pc:docMk/>
            <pc:sldMk cId="1777398863" sldId="830"/>
            <ac:spMk id="8" creationId="{F6464A43-5B80-4854-9FC3-E00F515DC04B}"/>
          </ac:spMkLst>
        </pc:spChg>
        <pc:spChg chg="del">
          <ac:chgData name="Nys, B (Brecht) (Business Manager III)" userId="f0c14ff5-aa98-4919-8cfd-4bc2d31aed24" providerId="ADAL" clId="{1DD1E73E-A881-4055-961D-3C75B76A98ED}" dt="2023-04-06T23:06:39.278" v="24" actId="478"/>
          <ac:spMkLst>
            <pc:docMk/>
            <pc:sldMk cId="1777398863" sldId="830"/>
            <ac:spMk id="12" creationId="{0B64ED5A-1714-0F46-AFBB-75699C37FFE5}"/>
          </ac:spMkLst>
        </pc:spChg>
      </pc:sldChg>
      <pc:sldChg chg="del">
        <pc:chgData name="Nys, B (Brecht) (Business Manager III)" userId="f0c14ff5-aa98-4919-8cfd-4bc2d31aed24" providerId="ADAL" clId="{1DD1E73E-A881-4055-961D-3C75B76A98ED}" dt="2023-04-06T23:06:27.899" v="13" actId="47"/>
        <pc:sldMkLst>
          <pc:docMk/>
          <pc:sldMk cId="1534929746" sldId="848"/>
        </pc:sldMkLst>
      </pc:sldChg>
      <pc:sldChg chg="del">
        <pc:chgData name="Nys, B (Brecht) (Business Manager III)" userId="f0c14ff5-aa98-4919-8cfd-4bc2d31aed24" providerId="ADAL" clId="{1DD1E73E-A881-4055-961D-3C75B76A98ED}" dt="2023-04-06T23:06:18.472" v="6" actId="47"/>
        <pc:sldMkLst>
          <pc:docMk/>
          <pc:sldMk cId="3712177816" sldId="849"/>
        </pc:sldMkLst>
      </pc:sldChg>
      <pc:sldChg chg="del">
        <pc:chgData name="Nys, B (Brecht) (Business Manager III)" userId="f0c14ff5-aa98-4919-8cfd-4bc2d31aed24" providerId="ADAL" clId="{1DD1E73E-A881-4055-961D-3C75B76A98ED}" dt="2023-04-06T23:06:19.305" v="7" actId="47"/>
        <pc:sldMkLst>
          <pc:docMk/>
          <pc:sldMk cId="2915027552" sldId="851"/>
        </pc:sldMkLst>
      </pc:sldChg>
      <pc:sldChg chg="del">
        <pc:chgData name="Nys, B (Brecht) (Business Manager III)" userId="f0c14ff5-aa98-4919-8cfd-4bc2d31aed24" providerId="ADAL" clId="{1DD1E73E-A881-4055-961D-3C75B76A98ED}" dt="2023-04-06T23:06:13.270" v="0" actId="47"/>
        <pc:sldMkLst>
          <pc:docMk/>
          <pc:sldMk cId="2990188932" sldId="854"/>
        </pc:sldMkLst>
      </pc:sldChg>
      <pc:sldChg chg="del">
        <pc:chgData name="Nys, B (Brecht) (Business Manager III)" userId="f0c14ff5-aa98-4919-8cfd-4bc2d31aed24" providerId="ADAL" clId="{1DD1E73E-A881-4055-961D-3C75B76A98ED}" dt="2023-04-06T23:06:17.639" v="5" actId="47"/>
        <pc:sldMkLst>
          <pc:docMk/>
          <pc:sldMk cId="1644392480" sldId="856"/>
        </pc:sldMkLst>
      </pc:sldChg>
      <pc:sldChg chg="del">
        <pc:chgData name="Nys, B (Brecht) (Business Manager III)" userId="f0c14ff5-aa98-4919-8cfd-4bc2d31aed24" providerId="ADAL" clId="{1DD1E73E-A881-4055-961D-3C75B76A98ED}" dt="2023-04-06T23:06:16.308" v="4" actId="47"/>
        <pc:sldMkLst>
          <pc:docMk/>
          <pc:sldMk cId="1966983631" sldId="858"/>
        </pc:sldMkLst>
      </pc:sldChg>
      <pc:sldChg chg="del">
        <pc:chgData name="Nys, B (Brecht) (Business Manager III)" userId="f0c14ff5-aa98-4919-8cfd-4bc2d31aed24" providerId="ADAL" clId="{1DD1E73E-A881-4055-961D-3C75B76A98ED}" dt="2023-04-06T23:06:15.111" v="2" actId="47"/>
        <pc:sldMkLst>
          <pc:docMk/>
          <pc:sldMk cId="1743217131" sldId="860"/>
        </pc:sldMkLst>
      </pc:sldChg>
      <pc:sldChg chg="del">
        <pc:chgData name="Nys, B (Brecht) (Business Manager III)" userId="f0c14ff5-aa98-4919-8cfd-4bc2d31aed24" providerId="ADAL" clId="{1DD1E73E-A881-4055-961D-3C75B76A98ED}" dt="2023-04-06T23:06:15.757" v="3" actId="47"/>
        <pc:sldMkLst>
          <pc:docMk/>
          <pc:sldMk cId="4175084854" sldId="861"/>
        </pc:sldMkLst>
      </pc:sldChg>
      <pc:sldChg chg="del">
        <pc:chgData name="Nys, B (Brecht) (Business Manager III)" userId="f0c14ff5-aa98-4919-8cfd-4bc2d31aed24" providerId="ADAL" clId="{1DD1E73E-A881-4055-961D-3C75B76A98ED}" dt="2023-04-06T23:06:14.339" v="1" actId="47"/>
        <pc:sldMkLst>
          <pc:docMk/>
          <pc:sldMk cId="731767485" sldId="866"/>
        </pc:sldMkLst>
      </pc:sldChg>
      <pc:sldChg chg="del">
        <pc:chgData name="Nys, B (Brecht) (Business Manager III)" userId="f0c14ff5-aa98-4919-8cfd-4bc2d31aed24" providerId="ADAL" clId="{1DD1E73E-A881-4055-961D-3C75B76A98ED}" dt="2023-04-06T23:06:23.999" v="10" actId="47"/>
        <pc:sldMkLst>
          <pc:docMk/>
          <pc:sldMk cId="3025114966" sldId="868"/>
        </pc:sldMkLst>
      </pc:sldChg>
      <pc:sldChg chg="del">
        <pc:chgData name="Nys, B (Brecht) (Business Manager III)" userId="f0c14ff5-aa98-4919-8cfd-4bc2d31aed24" providerId="ADAL" clId="{1DD1E73E-A881-4055-961D-3C75B76A98ED}" dt="2023-04-06T23:06:23.450" v="9" actId="47"/>
        <pc:sldMkLst>
          <pc:docMk/>
          <pc:sldMk cId="1324420008" sldId="869"/>
        </pc:sldMkLst>
      </pc:sldChg>
      <pc:sldChg chg="del">
        <pc:chgData name="Nys, B (Brecht) (Business Manager III)" userId="f0c14ff5-aa98-4919-8cfd-4bc2d31aed24" providerId="ADAL" clId="{1DD1E73E-A881-4055-961D-3C75B76A98ED}" dt="2023-04-06T23:06:20.616" v="8" actId="47"/>
        <pc:sldMkLst>
          <pc:docMk/>
          <pc:sldMk cId="3267910868" sldId="870"/>
        </pc:sldMkLst>
      </pc:sldChg>
      <pc:sldChg chg="del">
        <pc:chgData name="Nys, B (Brecht) (Business Manager III)" userId="f0c14ff5-aa98-4919-8cfd-4bc2d31aed24" providerId="ADAL" clId="{1DD1E73E-A881-4055-961D-3C75B76A98ED}" dt="2023-04-06T23:06:28.619" v="14" actId="47"/>
        <pc:sldMkLst>
          <pc:docMk/>
          <pc:sldMk cId="269678020" sldId="871"/>
        </pc:sldMkLst>
      </pc:sldChg>
      <pc:sldChg chg="del">
        <pc:chgData name="Nys, B (Brecht) (Business Manager III)" userId="f0c14ff5-aa98-4919-8cfd-4bc2d31aed24" providerId="ADAL" clId="{1DD1E73E-A881-4055-961D-3C75B76A98ED}" dt="2023-04-06T23:06:29.045" v="15" actId="47"/>
        <pc:sldMkLst>
          <pc:docMk/>
          <pc:sldMk cId="1755271308" sldId="872"/>
        </pc:sldMkLst>
      </pc:sldChg>
      <pc:sldChg chg="del">
        <pc:chgData name="Nys, B (Brecht) (Business Manager III)" userId="f0c14ff5-aa98-4919-8cfd-4bc2d31aed24" providerId="ADAL" clId="{1DD1E73E-A881-4055-961D-3C75B76A98ED}" dt="2023-04-06T23:06:29.875" v="18" actId="47"/>
        <pc:sldMkLst>
          <pc:docMk/>
          <pc:sldMk cId="104000611" sldId="873"/>
        </pc:sldMkLst>
      </pc:sldChg>
      <pc:sldChg chg="del">
        <pc:chgData name="Nys, B (Brecht) (Business Manager III)" userId="f0c14ff5-aa98-4919-8cfd-4bc2d31aed24" providerId="ADAL" clId="{1DD1E73E-A881-4055-961D-3C75B76A98ED}" dt="2023-04-06T23:06:30.155" v="19" actId="47"/>
        <pc:sldMkLst>
          <pc:docMk/>
          <pc:sldMk cId="128001498" sldId="874"/>
        </pc:sldMkLst>
      </pc:sldChg>
      <pc:sldChg chg="del">
        <pc:chgData name="Nys, B (Brecht) (Business Manager III)" userId="f0c14ff5-aa98-4919-8cfd-4bc2d31aed24" providerId="ADAL" clId="{1DD1E73E-A881-4055-961D-3C75B76A98ED}" dt="2023-04-06T23:06:30.449" v="20" actId="47"/>
        <pc:sldMkLst>
          <pc:docMk/>
          <pc:sldMk cId="2889048366" sldId="875"/>
        </pc:sldMkLst>
      </pc:sldChg>
      <pc:sldChg chg="del">
        <pc:chgData name="Nys, B (Brecht) (Business Manager III)" userId="f0c14ff5-aa98-4919-8cfd-4bc2d31aed24" providerId="ADAL" clId="{1DD1E73E-A881-4055-961D-3C75B76A98ED}" dt="2023-04-06T23:06:30.845" v="21" actId="47"/>
        <pc:sldMkLst>
          <pc:docMk/>
          <pc:sldMk cId="1704515563" sldId="876"/>
        </pc:sldMkLst>
      </pc:sldChg>
      <pc:sldChg chg="del">
        <pc:chgData name="Nys, B (Brecht) (Business Manager III)" userId="f0c14ff5-aa98-4919-8cfd-4bc2d31aed24" providerId="ADAL" clId="{1DD1E73E-A881-4055-961D-3C75B76A98ED}" dt="2023-04-06T23:06:31.248" v="22" actId="47"/>
        <pc:sldMkLst>
          <pc:docMk/>
          <pc:sldMk cId="1844407147" sldId="877"/>
        </pc:sldMkLst>
      </pc:sldChg>
      <pc:sldChg chg="del">
        <pc:chgData name="Nys, B (Brecht) (Business Manager III)" userId="f0c14ff5-aa98-4919-8cfd-4bc2d31aed24" providerId="ADAL" clId="{1DD1E73E-A881-4055-961D-3C75B76A98ED}" dt="2023-04-06T23:06:29.324" v="16" actId="47"/>
        <pc:sldMkLst>
          <pc:docMk/>
          <pc:sldMk cId="3578949222" sldId="878"/>
        </pc:sldMkLst>
      </pc:sldChg>
      <pc:sldChg chg="del">
        <pc:chgData name="Nys, B (Brecht) (Business Manager III)" userId="f0c14ff5-aa98-4919-8cfd-4bc2d31aed24" providerId="ADAL" clId="{1DD1E73E-A881-4055-961D-3C75B76A98ED}" dt="2023-04-06T23:06:29.627" v="17" actId="47"/>
        <pc:sldMkLst>
          <pc:docMk/>
          <pc:sldMk cId="2710205468" sldId="879"/>
        </pc:sldMkLst>
      </pc:sldChg>
      <pc:sldChg chg="del">
        <pc:chgData name="Nys, B (Brecht) (Business Manager III)" userId="f0c14ff5-aa98-4919-8cfd-4bc2d31aed24" providerId="ADAL" clId="{1DD1E73E-A881-4055-961D-3C75B76A98ED}" dt="2023-04-06T23:06:31.954" v="23" actId="47"/>
        <pc:sldMkLst>
          <pc:docMk/>
          <pc:sldMk cId="79661503" sldId="881"/>
        </pc:sldMkLst>
      </pc:sldChg>
      <pc:sldMasterChg chg="delSldLayout">
        <pc:chgData name="Nys, B (Brecht) (Business Manager III)" userId="f0c14ff5-aa98-4919-8cfd-4bc2d31aed24" providerId="ADAL" clId="{1DD1E73E-A881-4055-961D-3C75B76A98ED}" dt="2023-04-06T23:06:31.954" v="23" actId="47"/>
        <pc:sldMasterMkLst>
          <pc:docMk/>
          <pc:sldMasterMk cId="2352157268" sldId="2147483648"/>
        </pc:sldMasterMkLst>
        <pc:sldLayoutChg chg="del">
          <pc:chgData name="Nys, B (Brecht) (Business Manager III)" userId="f0c14ff5-aa98-4919-8cfd-4bc2d31aed24" providerId="ADAL" clId="{1DD1E73E-A881-4055-961D-3C75B76A98ED}" dt="2023-04-06T23:06:20.616" v="8" actId="47"/>
          <pc:sldLayoutMkLst>
            <pc:docMk/>
            <pc:sldMasterMk cId="2352157268" sldId="2147483648"/>
            <pc:sldLayoutMk cId="149586876" sldId="2147483713"/>
          </pc:sldLayoutMkLst>
        </pc:sldLayoutChg>
        <pc:sldLayoutChg chg="del">
          <pc:chgData name="Nys, B (Brecht) (Business Manager III)" userId="f0c14ff5-aa98-4919-8cfd-4bc2d31aed24" providerId="ADAL" clId="{1DD1E73E-A881-4055-961D-3C75B76A98ED}" dt="2023-04-06T23:06:27.899" v="13" actId="47"/>
          <pc:sldLayoutMkLst>
            <pc:docMk/>
            <pc:sldMasterMk cId="2352157268" sldId="2147483648"/>
            <pc:sldLayoutMk cId="2532614621" sldId="2147483714"/>
          </pc:sldLayoutMkLst>
        </pc:sldLayoutChg>
        <pc:sldLayoutChg chg="del">
          <pc:chgData name="Nys, B (Brecht) (Business Manager III)" userId="f0c14ff5-aa98-4919-8cfd-4bc2d31aed24" providerId="ADAL" clId="{1DD1E73E-A881-4055-961D-3C75B76A98ED}" dt="2023-04-06T23:06:31.954" v="23" actId="47"/>
          <pc:sldLayoutMkLst>
            <pc:docMk/>
            <pc:sldMasterMk cId="2352157268" sldId="2147483648"/>
            <pc:sldLayoutMk cId="310632916" sldId="2147483715"/>
          </pc:sldLayoutMkLst>
        </pc:sldLayoutChg>
      </pc:sldMasterChg>
    </pc:docChg>
  </pc:docChgLst>
  <pc:docChgLst>
    <pc:chgData name="Brecht Nys" userId="8e187b20a541708e" providerId="LiveId" clId="{36D60E53-7AC6-461F-824A-71353C1A5322}"/>
    <pc:docChg chg="undo custSel addSld delSld modSld modMainMaster">
      <pc:chgData name="Brecht Nys" userId="8e187b20a541708e" providerId="LiveId" clId="{36D60E53-7AC6-461F-824A-71353C1A5322}" dt="2023-04-07T01:04:39" v="1263" actId="1076"/>
      <pc:docMkLst>
        <pc:docMk/>
      </pc:docMkLst>
      <pc:sldChg chg="addSp delSp modSp mod">
        <pc:chgData name="Brecht Nys" userId="8e187b20a541708e" providerId="LiveId" clId="{36D60E53-7AC6-461F-824A-71353C1A5322}" dt="2023-04-07T01:04:26.656" v="1260" actId="12789"/>
        <pc:sldMkLst>
          <pc:docMk/>
          <pc:sldMk cId="3483934314" sldId="821"/>
        </pc:sldMkLst>
        <pc:spChg chg="mod">
          <ac:chgData name="Brecht Nys" userId="8e187b20a541708e" providerId="LiveId" clId="{36D60E53-7AC6-461F-824A-71353C1A5322}" dt="2023-04-07T00:26:36.231" v="118" actId="5793"/>
          <ac:spMkLst>
            <pc:docMk/>
            <pc:sldMk cId="3483934314" sldId="821"/>
            <ac:spMk id="2" creationId="{00000000-0000-0000-0000-000000000000}"/>
          </ac:spMkLst>
        </pc:spChg>
        <pc:spChg chg="add mod">
          <ac:chgData name="Brecht Nys" userId="8e187b20a541708e" providerId="LiveId" clId="{36D60E53-7AC6-461F-824A-71353C1A5322}" dt="2023-04-07T01:04:05.167" v="1256" actId="12788"/>
          <ac:spMkLst>
            <pc:docMk/>
            <pc:sldMk cId="3483934314" sldId="821"/>
            <ac:spMk id="3" creationId="{907196DC-5EE3-6096-0D3D-0036808A5DE5}"/>
          </ac:spMkLst>
        </pc:spChg>
        <pc:spChg chg="del">
          <ac:chgData name="Brecht Nys" userId="8e187b20a541708e" providerId="LiveId" clId="{36D60E53-7AC6-461F-824A-71353C1A5322}" dt="2023-04-07T00:25:47.280" v="76" actId="478"/>
          <ac:spMkLst>
            <pc:docMk/>
            <pc:sldMk cId="3483934314" sldId="821"/>
            <ac:spMk id="4" creationId="{00000000-0000-0000-0000-000000000000}"/>
          </ac:spMkLst>
        </pc:spChg>
        <pc:spChg chg="del">
          <ac:chgData name="Brecht Nys" userId="8e187b20a541708e" providerId="LiveId" clId="{36D60E53-7AC6-461F-824A-71353C1A5322}" dt="2023-04-07T00:25:47.280" v="76" actId="478"/>
          <ac:spMkLst>
            <pc:docMk/>
            <pc:sldMk cId="3483934314" sldId="821"/>
            <ac:spMk id="5" creationId="{5D6F806C-E25D-48BD-B13B-96933E76FFAE}"/>
          </ac:spMkLst>
        </pc:spChg>
        <pc:spChg chg="add mod">
          <ac:chgData name="Brecht Nys" userId="8e187b20a541708e" providerId="LiveId" clId="{36D60E53-7AC6-461F-824A-71353C1A5322}" dt="2023-04-07T01:04:09.099" v="1257" actId="12788"/>
          <ac:spMkLst>
            <pc:docMk/>
            <pc:sldMk cId="3483934314" sldId="821"/>
            <ac:spMk id="6" creationId="{EA9D07E0-A5C6-86C9-3B2A-69EA97E6B596}"/>
          </ac:spMkLst>
        </pc:spChg>
        <pc:spChg chg="add mod">
          <ac:chgData name="Brecht Nys" userId="8e187b20a541708e" providerId="LiveId" clId="{36D60E53-7AC6-461F-824A-71353C1A5322}" dt="2023-04-07T01:04:14.871" v="1258" actId="12788"/>
          <ac:spMkLst>
            <pc:docMk/>
            <pc:sldMk cId="3483934314" sldId="821"/>
            <ac:spMk id="7" creationId="{3B86108A-7AF6-C128-3538-E3129D1F76F6}"/>
          </ac:spMkLst>
        </pc:spChg>
        <pc:spChg chg="add mod">
          <ac:chgData name="Brecht Nys" userId="8e187b20a541708e" providerId="LiveId" clId="{36D60E53-7AC6-461F-824A-71353C1A5322}" dt="2023-04-07T01:04:19.186" v="1259" actId="12788"/>
          <ac:spMkLst>
            <pc:docMk/>
            <pc:sldMk cId="3483934314" sldId="821"/>
            <ac:spMk id="8" creationId="{7C259A82-2B28-B7A5-116E-6429B8DC1E00}"/>
          </ac:spMkLst>
        </pc:spChg>
        <pc:spChg chg="add mod">
          <ac:chgData name="Brecht Nys" userId="8e187b20a541708e" providerId="LiveId" clId="{36D60E53-7AC6-461F-824A-71353C1A5322}" dt="2023-04-07T00:49:55.142" v="1036" actId="1036"/>
          <ac:spMkLst>
            <pc:docMk/>
            <pc:sldMk cId="3483934314" sldId="821"/>
            <ac:spMk id="9" creationId="{98A78A18-825E-C595-B308-29F28B0C2017}"/>
          </ac:spMkLst>
        </pc:spChg>
        <pc:spChg chg="add mod">
          <ac:chgData name="Brecht Nys" userId="8e187b20a541708e" providerId="LiveId" clId="{36D60E53-7AC6-461F-824A-71353C1A5322}" dt="2023-04-07T00:59:28.472" v="1216" actId="20577"/>
          <ac:spMkLst>
            <pc:docMk/>
            <pc:sldMk cId="3483934314" sldId="821"/>
            <ac:spMk id="10" creationId="{69C24F2A-80FB-A4C8-4845-7634C6D7F389}"/>
          </ac:spMkLst>
        </pc:spChg>
        <pc:spChg chg="add del mod">
          <ac:chgData name="Brecht Nys" userId="8e187b20a541708e" providerId="LiveId" clId="{36D60E53-7AC6-461F-824A-71353C1A5322}" dt="2023-04-07T00:38:07.489" v="204"/>
          <ac:spMkLst>
            <pc:docMk/>
            <pc:sldMk cId="3483934314" sldId="821"/>
            <ac:spMk id="12" creationId="{89A14161-53CF-E7B4-E4E2-5890C3A7C201}"/>
          </ac:spMkLst>
        </pc:spChg>
        <pc:spChg chg="add mod">
          <ac:chgData name="Brecht Nys" userId="8e187b20a541708e" providerId="LiveId" clId="{36D60E53-7AC6-461F-824A-71353C1A5322}" dt="2023-04-07T00:49:55.142" v="1036" actId="1036"/>
          <ac:spMkLst>
            <pc:docMk/>
            <pc:sldMk cId="3483934314" sldId="821"/>
            <ac:spMk id="14" creationId="{DCB9BDD5-A700-4E32-2871-F20697599D28}"/>
          </ac:spMkLst>
        </pc:spChg>
        <pc:spChg chg="add mod">
          <ac:chgData name="Brecht Nys" userId="8e187b20a541708e" providerId="LiveId" clId="{36D60E53-7AC6-461F-824A-71353C1A5322}" dt="2023-04-07T00:49:55.142" v="1036" actId="1036"/>
          <ac:spMkLst>
            <pc:docMk/>
            <pc:sldMk cId="3483934314" sldId="821"/>
            <ac:spMk id="15" creationId="{13B68796-0446-361E-2749-848866C53D7E}"/>
          </ac:spMkLst>
        </pc:spChg>
        <pc:spChg chg="add mod">
          <ac:chgData name="Brecht Nys" userId="8e187b20a541708e" providerId="LiveId" clId="{36D60E53-7AC6-461F-824A-71353C1A5322}" dt="2023-04-07T00:49:55.142" v="1036" actId="1036"/>
          <ac:spMkLst>
            <pc:docMk/>
            <pc:sldMk cId="3483934314" sldId="821"/>
            <ac:spMk id="16" creationId="{6636AB43-34F2-5A6F-CCC1-352568226909}"/>
          </ac:spMkLst>
        </pc:spChg>
        <pc:spChg chg="add mod">
          <ac:chgData name="Brecht Nys" userId="8e187b20a541708e" providerId="LiveId" clId="{36D60E53-7AC6-461F-824A-71353C1A5322}" dt="2023-04-07T00:57:19.103" v="1215" actId="1036"/>
          <ac:spMkLst>
            <pc:docMk/>
            <pc:sldMk cId="3483934314" sldId="821"/>
            <ac:spMk id="17" creationId="{76FB6254-5555-D084-7C16-D7ED2802050A}"/>
          </ac:spMkLst>
        </pc:spChg>
        <pc:spChg chg="add mod">
          <ac:chgData name="Brecht Nys" userId="8e187b20a541708e" providerId="LiveId" clId="{36D60E53-7AC6-461F-824A-71353C1A5322}" dt="2023-04-07T01:02:18.416" v="1222" actId="1076"/>
          <ac:spMkLst>
            <pc:docMk/>
            <pc:sldMk cId="3483934314" sldId="821"/>
            <ac:spMk id="18" creationId="{CE08E418-6377-B2AF-7447-B8BCFA277450}"/>
          </ac:spMkLst>
        </pc:spChg>
        <pc:spChg chg="add mod">
          <ac:chgData name="Brecht Nys" userId="8e187b20a541708e" providerId="LiveId" clId="{36D60E53-7AC6-461F-824A-71353C1A5322}" dt="2023-04-07T00:57:19.103" v="1215" actId="1036"/>
          <ac:spMkLst>
            <pc:docMk/>
            <pc:sldMk cId="3483934314" sldId="821"/>
            <ac:spMk id="19" creationId="{4A5C37BD-0855-3F66-8F29-24140BB80B28}"/>
          </ac:spMkLst>
        </pc:spChg>
        <pc:spChg chg="add del">
          <ac:chgData name="Brecht Nys" userId="8e187b20a541708e" providerId="LiveId" clId="{36D60E53-7AC6-461F-824A-71353C1A5322}" dt="2023-04-07T01:03:35.061" v="1232"/>
          <ac:spMkLst>
            <pc:docMk/>
            <pc:sldMk cId="3483934314" sldId="821"/>
            <ac:spMk id="23" creationId="{31E4E512-19CD-A74B-1769-3789FFEFCF16}"/>
          </ac:spMkLst>
        </pc:spChg>
        <pc:spChg chg="del">
          <ac:chgData name="Brecht Nys" userId="8e187b20a541708e" providerId="LiveId" clId="{36D60E53-7AC6-461F-824A-71353C1A5322}" dt="2023-04-07T00:25:47.280" v="76" actId="478"/>
          <ac:spMkLst>
            <pc:docMk/>
            <pc:sldMk cId="3483934314" sldId="821"/>
            <ac:spMk id="552" creationId="{00000000-0000-0000-0000-000000000000}"/>
          </ac:spMkLst>
        </pc:spChg>
        <pc:spChg chg="del">
          <ac:chgData name="Brecht Nys" userId="8e187b20a541708e" providerId="LiveId" clId="{36D60E53-7AC6-461F-824A-71353C1A5322}" dt="2023-04-07T00:25:47.280" v="76" actId="478"/>
          <ac:spMkLst>
            <pc:docMk/>
            <pc:sldMk cId="3483934314" sldId="821"/>
            <ac:spMk id="557" creationId="{00000000-0000-0000-0000-000000000000}"/>
          </ac:spMkLst>
        </pc:spChg>
        <pc:spChg chg="del">
          <ac:chgData name="Brecht Nys" userId="8e187b20a541708e" providerId="LiveId" clId="{36D60E53-7AC6-461F-824A-71353C1A5322}" dt="2023-04-07T00:25:47.280" v="76" actId="478"/>
          <ac:spMkLst>
            <pc:docMk/>
            <pc:sldMk cId="3483934314" sldId="821"/>
            <ac:spMk id="558" creationId="{00000000-0000-0000-0000-000000000000}"/>
          </ac:spMkLst>
        </pc:spChg>
        <pc:spChg chg="del">
          <ac:chgData name="Brecht Nys" userId="8e187b20a541708e" providerId="LiveId" clId="{36D60E53-7AC6-461F-824A-71353C1A5322}" dt="2023-04-07T00:25:47.280" v="76" actId="478"/>
          <ac:spMkLst>
            <pc:docMk/>
            <pc:sldMk cId="3483934314" sldId="821"/>
            <ac:spMk id="563" creationId="{00000000-0000-0000-0000-000000000000}"/>
          </ac:spMkLst>
        </pc:spChg>
        <pc:spChg chg="del">
          <ac:chgData name="Brecht Nys" userId="8e187b20a541708e" providerId="LiveId" clId="{36D60E53-7AC6-461F-824A-71353C1A5322}" dt="2023-04-07T00:25:47.280" v="76" actId="478"/>
          <ac:spMkLst>
            <pc:docMk/>
            <pc:sldMk cId="3483934314" sldId="821"/>
            <ac:spMk id="564" creationId="{00000000-0000-0000-0000-000000000000}"/>
          </ac:spMkLst>
        </pc:spChg>
        <pc:spChg chg="del">
          <ac:chgData name="Brecht Nys" userId="8e187b20a541708e" providerId="LiveId" clId="{36D60E53-7AC6-461F-824A-71353C1A5322}" dt="2023-04-07T00:25:47.280" v="76" actId="478"/>
          <ac:spMkLst>
            <pc:docMk/>
            <pc:sldMk cId="3483934314" sldId="821"/>
            <ac:spMk id="565" creationId="{00000000-0000-0000-0000-000000000000}"/>
          </ac:spMkLst>
        </pc:spChg>
        <pc:spChg chg="del">
          <ac:chgData name="Brecht Nys" userId="8e187b20a541708e" providerId="LiveId" clId="{36D60E53-7AC6-461F-824A-71353C1A5322}" dt="2023-04-07T00:25:47.280" v="76" actId="478"/>
          <ac:spMkLst>
            <pc:docMk/>
            <pc:sldMk cId="3483934314" sldId="821"/>
            <ac:spMk id="566" creationId="{00000000-0000-0000-0000-000000000000}"/>
          </ac:spMkLst>
        </pc:spChg>
        <pc:spChg chg="del">
          <ac:chgData name="Brecht Nys" userId="8e187b20a541708e" providerId="LiveId" clId="{36D60E53-7AC6-461F-824A-71353C1A5322}" dt="2023-04-07T00:25:47.280" v="76" actId="478"/>
          <ac:spMkLst>
            <pc:docMk/>
            <pc:sldMk cId="3483934314" sldId="821"/>
            <ac:spMk id="568" creationId="{00000000-0000-0000-0000-000000000000}"/>
          </ac:spMkLst>
        </pc:spChg>
        <pc:spChg chg="del">
          <ac:chgData name="Brecht Nys" userId="8e187b20a541708e" providerId="LiveId" clId="{36D60E53-7AC6-461F-824A-71353C1A5322}" dt="2023-04-07T00:25:47.280" v="76" actId="478"/>
          <ac:spMkLst>
            <pc:docMk/>
            <pc:sldMk cId="3483934314" sldId="821"/>
            <ac:spMk id="569" creationId="{00000000-0000-0000-0000-000000000000}"/>
          </ac:spMkLst>
        </pc:spChg>
        <pc:spChg chg="del">
          <ac:chgData name="Brecht Nys" userId="8e187b20a541708e" providerId="LiveId" clId="{36D60E53-7AC6-461F-824A-71353C1A5322}" dt="2023-04-07T00:25:47.280" v="76" actId="478"/>
          <ac:spMkLst>
            <pc:docMk/>
            <pc:sldMk cId="3483934314" sldId="821"/>
            <ac:spMk id="570" creationId="{00000000-0000-0000-0000-000000000000}"/>
          </ac:spMkLst>
        </pc:spChg>
        <pc:spChg chg="del">
          <ac:chgData name="Brecht Nys" userId="8e187b20a541708e" providerId="LiveId" clId="{36D60E53-7AC6-461F-824A-71353C1A5322}" dt="2023-04-07T00:25:47.280" v="76" actId="478"/>
          <ac:spMkLst>
            <pc:docMk/>
            <pc:sldMk cId="3483934314" sldId="821"/>
            <ac:spMk id="579" creationId="{00000000-0000-0000-0000-000000000000}"/>
          </ac:spMkLst>
        </pc:spChg>
        <pc:spChg chg="del">
          <ac:chgData name="Brecht Nys" userId="8e187b20a541708e" providerId="LiveId" clId="{36D60E53-7AC6-461F-824A-71353C1A5322}" dt="2023-04-07T00:25:47.280" v="76" actId="478"/>
          <ac:spMkLst>
            <pc:docMk/>
            <pc:sldMk cId="3483934314" sldId="821"/>
            <ac:spMk id="580" creationId="{00000000-0000-0000-0000-000000000000}"/>
          </ac:spMkLst>
        </pc:spChg>
        <pc:spChg chg="del">
          <ac:chgData name="Brecht Nys" userId="8e187b20a541708e" providerId="LiveId" clId="{36D60E53-7AC6-461F-824A-71353C1A5322}" dt="2023-04-07T00:25:47.280" v="76" actId="478"/>
          <ac:spMkLst>
            <pc:docMk/>
            <pc:sldMk cId="3483934314" sldId="821"/>
            <ac:spMk id="581" creationId="{00000000-0000-0000-0000-000000000000}"/>
          </ac:spMkLst>
        </pc:spChg>
        <pc:spChg chg="del">
          <ac:chgData name="Brecht Nys" userId="8e187b20a541708e" providerId="LiveId" clId="{36D60E53-7AC6-461F-824A-71353C1A5322}" dt="2023-04-07T00:25:47.280" v="76" actId="478"/>
          <ac:spMkLst>
            <pc:docMk/>
            <pc:sldMk cId="3483934314" sldId="821"/>
            <ac:spMk id="582" creationId="{00000000-0000-0000-0000-000000000000}"/>
          </ac:spMkLst>
        </pc:spChg>
        <pc:spChg chg="del">
          <ac:chgData name="Brecht Nys" userId="8e187b20a541708e" providerId="LiveId" clId="{36D60E53-7AC6-461F-824A-71353C1A5322}" dt="2023-04-07T00:25:47.280" v="76" actId="478"/>
          <ac:spMkLst>
            <pc:docMk/>
            <pc:sldMk cId="3483934314" sldId="821"/>
            <ac:spMk id="583" creationId="{00000000-0000-0000-0000-000000000000}"/>
          </ac:spMkLst>
        </pc:spChg>
        <pc:spChg chg="del">
          <ac:chgData name="Brecht Nys" userId="8e187b20a541708e" providerId="LiveId" clId="{36D60E53-7AC6-461F-824A-71353C1A5322}" dt="2023-04-07T00:25:47.280" v="76" actId="478"/>
          <ac:spMkLst>
            <pc:docMk/>
            <pc:sldMk cId="3483934314" sldId="821"/>
            <ac:spMk id="584" creationId="{00000000-0000-0000-0000-000000000000}"/>
          </ac:spMkLst>
        </pc:spChg>
        <pc:spChg chg="del">
          <ac:chgData name="Brecht Nys" userId="8e187b20a541708e" providerId="LiveId" clId="{36D60E53-7AC6-461F-824A-71353C1A5322}" dt="2023-04-07T00:25:47.280" v="76" actId="478"/>
          <ac:spMkLst>
            <pc:docMk/>
            <pc:sldMk cId="3483934314" sldId="821"/>
            <ac:spMk id="585" creationId="{00000000-0000-0000-0000-000000000000}"/>
          </ac:spMkLst>
        </pc:spChg>
        <pc:spChg chg="del">
          <ac:chgData name="Brecht Nys" userId="8e187b20a541708e" providerId="LiveId" clId="{36D60E53-7AC6-461F-824A-71353C1A5322}" dt="2023-04-07T00:25:47.280" v="76" actId="478"/>
          <ac:spMkLst>
            <pc:docMk/>
            <pc:sldMk cId="3483934314" sldId="821"/>
            <ac:spMk id="586" creationId="{00000000-0000-0000-0000-000000000000}"/>
          </ac:spMkLst>
        </pc:spChg>
        <pc:spChg chg="del">
          <ac:chgData name="Brecht Nys" userId="8e187b20a541708e" providerId="LiveId" clId="{36D60E53-7AC6-461F-824A-71353C1A5322}" dt="2023-04-07T00:25:47.280" v="76" actId="478"/>
          <ac:spMkLst>
            <pc:docMk/>
            <pc:sldMk cId="3483934314" sldId="821"/>
            <ac:spMk id="587" creationId="{00000000-0000-0000-0000-000000000000}"/>
          </ac:spMkLst>
        </pc:spChg>
        <pc:spChg chg="del">
          <ac:chgData name="Brecht Nys" userId="8e187b20a541708e" providerId="LiveId" clId="{36D60E53-7AC6-461F-824A-71353C1A5322}" dt="2023-04-07T00:25:47.280" v="76" actId="478"/>
          <ac:spMkLst>
            <pc:docMk/>
            <pc:sldMk cId="3483934314" sldId="821"/>
            <ac:spMk id="588" creationId="{00000000-0000-0000-0000-000000000000}"/>
          </ac:spMkLst>
        </pc:spChg>
        <pc:spChg chg="del">
          <ac:chgData name="Brecht Nys" userId="8e187b20a541708e" providerId="LiveId" clId="{36D60E53-7AC6-461F-824A-71353C1A5322}" dt="2023-04-07T00:25:47.280" v="76" actId="478"/>
          <ac:spMkLst>
            <pc:docMk/>
            <pc:sldMk cId="3483934314" sldId="821"/>
            <ac:spMk id="589" creationId="{00000000-0000-0000-0000-000000000000}"/>
          </ac:spMkLst>
        </pc:spChg>
        <pc:spChg chg="del">
          <ac:chgData name="Brecht Nys" userId="8e187b20a541708e" providerId="LiveId" clId="{36D60E53-7AC6-461F-824A-71353C1A5322}" dt="2023-04-07T00:25:47.280" v="76" actId="478"/>
          <ac:spMkLst>
            <pc:docMk/>
            <pc:sldMk cId="3483934314" sldId="821"/>
            <ac:spMk id="590" creationId="{00000000-0000-0000-0000-000000000000}"/>
          </ac:spMkLst>
        </pc:spChg>
        <pc:spChg chg="del">
          <ac:chgData name="Brecht Nys" userId="8e187b20a541708e" providerId="LiveId" clId="{36D60E53-7AC6-461F-824A-71353C1A5322}" dt="2023-04-07T00:25:47.280" v="76" actId="478"/>
          <ac:spMkLst>
            <pc:docMk/>
            <pc:sldMk cId="3483934314" sldId="821"/>
            <ac:spMk id="591" creationId="{00000000-0000-0000-0000-000000000000}"/>
          </ac:spMkLst>
        </pc:spChg>
        <pc:spChg chg="del">
          <ac:chgData name="Brecht Nys" userId="8e187b20a541708e" providerId="LiveId" clId="{36D60E53-7AC6-461F-824A-71353C1A5322}" dt="2023-04-07T00:25:47.280" v="76" actId="478"/>
          <ac:spMkLst>
            <pc:docMk/>
            <pc:sldMk cId="3483934314" sldId="821"/>
            <ac:spMk id="592" creationId="{00000000-0000-0000-0000-000000000000}"/>
          </ac:spMkLst>
        </pc:spChg>
        <pc:spChg chg="del">
          <ac:chgData name="Brecht Nys" userId="8e187b20a541708e" providerId="LiveId" clId="{36D60E53-7AC6-461F-824A-71353C1A5322}" dt="2023-04-07T00:25:47.280" v="76" actId="478"/>
          <ac:spMkLst>
            <pc:docMk/>
            <pc:sldMk cId="3483934314" sldId="821"/>
            <ac:spMk id="593" creationId="{00000000-0000-0000-0000-000000000000}"/>
          </ac:spMkLst>
        </pc:spChg>
        <pc:spChg chg="del">
          <ac:chgData name="Brecht Nys" userId="8e187b20a541708e" providerId="LiveId" clId="{36D60E53-7AC6-461F-824A-71353C1A5322}" dt="2023-04-07T00:25:47.280" v="76" actId="478"/>
          <ac:spMkLst>
            <pc:docMk/>
            <pc:sldMk cId="3483934314" sldId="821"/>
            <ac:spMk id="594" creationId="{00000000-0000-0000-0000-000000000000}"/>
          </ac:spMkLst>
        </pc:spChg>
        <pc:grpChg chg="del">
          <ac:chgData name="Brecht Nys" userId="8e187b20a541708e" providerId="LiveId" clId="{36D60E53-7AC6-461F-824A-71353C1A5322}" dt="2023-04-07T00:25:47.280" v="76" actId="478"/>
          <ac:grpSpMkLst>
            <pc:docMk/>
            <pc:sldMk cId="3483934314" sldId="821"/>
            <ac:grpSpMk id="279" creationId="{C23DDF45-90EF-4B3A-A3C7-6146029E5583}"/>
          </ac:grpSpMkLst>
        </pc:grpChg>
        <pc:picChg chg="add del">
          <ac:chgData name="Brecht Nys" userId="8e187b20a541708e" providerId="LiveId" clId="{36D60E53-7AC6-461F-824A-71353C1A5322}" dt="2023-04-07T00:38:05.318" v="202"/>
          <ac:picMkLst>
            <pc:docMk/>
            <pc:sldMk cId="3483934314" sldId="821"/>
            <ac:picMk id="11" creationId="{F17F0FF2-0A8E-0335-13C8-4B9DE09D2F3D}"/>
          </ac:picMkLst>
        </pc:picChg>
        <pc:picChg chg="add mod">
          <ac:chgData name="Brecht Nys" userId="8e187b20a541708e" providerId="LiveId" clId="{36D60E53-7AC6-461F-824A-71353C1A5322}" dt="2023-04-07T01:04:26.656" v="1260" actId="12789"/>
          <ac:picMkLst>
            <pc:docMk/>
            <pc:sldMk cId="3483934314" sldId="821"/>
            <ac:picMk id="13" creationId="{E42525A9-8A87-0030-B929-1964E1BE0E1B}"/>
          </ac:picMkLst>
        </pc:picChg>
        <pc:picChg chg="add mod">
          <ac:chgData name="Brecht Nys" userId="8e187b20a541708e" providerId="LiveId" clId="{36D60E53-7AC6-461F-824A-71353C1A5322}" dt="2023-04-07T01:04:26.656" v="1260" actId="12789"/>
          <ac:picMkLst>
            <pc:docMk/>
            <pc:sldMk cId="3483934314" sldId="821"/>
            <ac:picMk id="20" creationId="{214981DB-E871-049C-E78A-18094843428C}"/>
          </ac:picMkLst>
        </pc:picChg>
        <pc:picChg chg="add mod">
          <ac:chgData name="Brecht Nys" userId="8e187b20a541708e" providerId="LiveId" clId="{36D60E53-7AC6-461F-824A-71353C1A5322}" dt="2023-04-07T01:04:26.656" v="1260" actId="12789"/>
          <ac:picMkLst>
            <pc:docMk/>
            <pc:sldMk cId="3483934314" sldId="821"/>
            <ac:picMk id="21" creationId="{A91BB158-B157-4A2E-4E1A-8F9EDC314196}"/>
          </ac:picMkLst>
        </pc:picChg>
        <pc:picChg chg="add del mod">
          <ac:chgData name="Brecht Nys" userId="8e187b20a541708e" providerId="LiveId" clId="{36D60E53-7AC6-461F-824A-71353C1A5322}" dt="2023-04-07T01:03:47.055" v="1252" actId="478"/>
          <ac:picMkLst>
            <pc:docMk/>
            <pc:sldMk cId="3483934314" sldId="821"/>
            <ac:picMk id="22" creationId="{B44EBC3A-50E4-58B1-0F45-6BDFCCBC62ED}"/>
          </ac:picMkLst>
        </pc:picChg>
        <pc:picChg chg="add mod">
          <ac:chgData name="Brecht Nys" userId="8e187b20a541708e" providerId="LiveId" clId="{36D60E53-7AC6-461F-824A-71353C1A5322}" dt="2023-04-07T01:04:26.656" v="1260" actId="12789"/>
          <ac:picMkLst>
            <pc:docMk/>
            <pc:sldMk cId="3483934314" sldId="821"/>
            <ac:picMk id="24" creationId="{97CFDB34-EFE0-9925-FA6A-D553E5A0816B}"/>
          </ac:picMkLst>
        </pc:picChg>
        <pc:picChg chg="del">
          <ac:chgData name="Brecht Nys" userId="8e187b20a541708e" providerId="LiveId" clId="{36D60E53-7AC6-461F-824A-71353C1A5322}" dt="2023-04-07T00:25:47.280" v="76" actId="478"/>
          <ac:picMkLst>
            <pc:docMk/>
            <pc:sldMk cId="3483934314" sldId="821"/>
            <ac:picMk id="551" creationId="{00000000-0000-0000-0000-000000000000}"/>
          </ac:picMkLst>
        </pc:picChg>
        <pc:picChg chg="del">
          <ac:chgData name="Brecht Nys" userId="8e187b20a541708e" providerId="LiveId" clId="{36D60E53-7AC6-461F-824A-71353C1A5322}" dt="2023-04-07T00:25:47.280" v="76" actId="478"/>
          <ac:picMkLst>
            <pc:docMk/>
            <pc:sldMk cId="3483934314" sldId="821"/>
            <ac:picMk id="553" creationId="{00000000-0000-0000-0000-000000000000}"/>
          </ac:picMkLst>
        </pc:picChg>
        <pc:picChg chg="del">
          <ac:chgData name="Brecht Nys" userId="8e187b20a541708e" providerId="LiveId" clId="{36D60E53-7AC6-461F-824A-71353C1A5322}" dt="2023-04-07T00:25:47.280" v="76" actId="478"/>
          <ac:picMkLst>
            <pc:docMk/>
            <pc:sldMk cId="3483934314" sldId="821"/>
            <ac:picMk id="554" creationId="{00000000-0000-0000-0000-000000000000}"/>
          </ac:picMkLst>
        </pc:picChg>
        <pc:cxnChg chg="del">
          <ac:chgData name="Brecht Nys" userId="8e187b20a541708e" providerId="LiveId" clId="{36D60E53-7AC6-461F-824A-71353C1A5322}" dt="2023-04-07T00:25:47.280" v="76" actId="478"/>
          <ac:cxnSpMkLst>
            <pc:docMk/>
            <pc:sldMk cId="3483934314" sldId="821"/>
            <ac:cxnSpMk id="560"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61"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4"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5"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6"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7" creationId="{00000000-0000-0000-0000-000000000000}"/>
          </ac:cxnSpMkLst>
        </pc:cxnChg>
        <pc:cxnChg chg="del">
          <ac:chgData name="Brecht Nys" userId="8e187b20a541708e" providerId="LiveId" clId="{36D60E53-7AC6-461F-824A-71353C1A5322}" dt="2023-04-07T00:25:47.280" v="76" actId="478"/>
          <ac:cxnSpMkLst>
            <pc:docMk/>
            <pc:sldMk cId="3483934314" sldId="821"/>
            <ac:cxnSpMk id="578" creationId="{00000000-0000-0000-0000-000000000000}"/>
          </ac:cxnSpMkLst>
        </pc:cxnChg>
      </pc:sldChg>
      <pc:sldChg chg="addSp delSp modSp mod">
        <pc:chgData name="Brecht Nys" userId="8e187b20a541708e" providerId="LiveId" clId="{36D60E53-7AC6-461F-824A-71353C1A5322}" dt="2023-04-07T00:54:09.281" v="1111" actId="20577"/>
        <pc:sldMkLst>
          <pc:docMk/>
          <pc:sldMk cId="1777398863" sldId="830"/>
        </pc:sldMkLst>
        <pc:spChg chg="mod">
          <ac:chgData name="Brecht Nys" userId="8e187b20a541708e" providerId="LiveId" clId="{36D60E53-7AC6-461F-824A-71353C1A5322}" dt="2023-04-07T00:15:21.992" v="33" actId="14100"/>
          <ac:spMkLst>
            <pc:docMk/>
            <pc:sldMk cId="1777398863" sldId="830"/>
            <ac:spMk id="6" creationId="{7A7ABC60-E318-4903-BC01-B1CAACC679D3}"/>
          </ac:spMkLst>
        </pc:spChg>
        <pc:spChg chg="mod">
          <ac:chgData name="Brecht Nys" userId="8e187b20a541708e" providerId="LiveId" clId="{36D60E53-7AC6-461F-824A-71353C1A5322}" dt="2023-04-07T00:54:09.281" v="1111" actId="20577"/>
          <ac:spMkLst>
            <pc:docMk/>
            <pc:sldMk cId="1777398863" sldId="830"/>
            <ac:spMk id="8" creationId="{F6464A43-5B80-4854-9FC3-E00F515DC04B}"/>
          </ac:spMkLst>
        </pc:spChg>
        <pc:picChg chg="add mod ord">
          <ac:chgData name="Brecht Nys" userId="8e187b20a541708e" providerId="LiveId" clId="{36D60E53-7AC6-461F-824A-71353C1A5322}" dt="2023-04-07T00:13:33.580" v="13" actId="14100"/>
          <ac:picMkLst>
            <pc:docMk/>
            <pc:sldMk cId="1777398863" sldId="830"/>
            <ac:picMk id="3" creationId="{AE95D994-DD8F-BEA3-20A4-0A0D6414E408}"/>
          </ac:picMkLst>
        </pc:picChg>
        <pc:picChg chg="del">
          <ac:chgData name="Brecht Nys" userId="8e187b20a541708e" providerId="LiveId" clId="{36D60E53-7AC6-461F-824A-71353C1A5322}" dt="2023-04-07T00:12:50.014" v="7" actId="478"/>
          <ac:picMkLst>
            <pc:docMk/>
            <pc:sldMk cId="1777398863" sldId="830"/>
            <ac:picMk id="9" creationId="{0821F026-0BD5-4DE9-BBDB-D17E4B52F070}"/>
          </ac:picMkLst>
        </pc:picChg>
      </pc:sldChg>
      <pc:sldChg chg="delSp del mod">
        <pc:chgData name="Brecht Nys" userId="8e187b20a541708e" providerId="LiveId" clId="{36D60E53-7AC6-461F-824A-71353C1A5322}" dt="2023-04-07T00:24:00.476" v="68" actId="47"/>
        <pc:sldMkLst>
          <pc:docMk/>
          <pc:sldMk cId="815535048" sldId="831"/>
        </pc:sldMkLst>
        <pc:spChg chg="del">
          <ac:chgData name="Brecht Nys" userId="8e187b20a541708e" providerId="LiveId" clId="{36D60E53-7AC6-461F-824A-71353C1A5322}" dt="2023-04-07T00:11:23.022" v="2" actId="478"/>
          <ac:spMkLst>
            <pc:docMk/>
            <pc:sldMk cId="815535048" sldId="831"/>
            <ac:spMk id="6" creationId="{3BEB52CA-C942-4BCC-BE6E-4459164E1E84}"/>
          </ac:spMkLst>
        </pc:spChg>
      </pc:sldChg>
      <pc:sldChg chg="delSp modSp add mod">
        <pc:chgData name="Brecht Nys" userId="8e187b20a541708e" providerId="LiveId" clId="{36D60E53-7AC6-461F-824A-71353C1A5322}" dt="2023-04-07T01:02:41.329" v="1226" actId="14100"/>
        <pc:sldMkLst>
          <pc:docMk/>
          <pc:sldMk cId="3028581465" sldId="831"/>
        </pc:sldMkLst>
        <pc:spChg chg="mod">
          <ac:chgData name="Brecht Nys" userId="8e187b20a541708e" providerId="LiveId" clId="{36D60E53-7AC6-461F-824A-71353C1A5322}" dt="2023-04-07T00:50:47.511" v="1057" actId="20577"/>
          <ac:spMkLst>
            <pc:docMk/>
            <pc:sldMk cId="3028581465" sldId="831"/>
            <ac:spMk id="2" creationId="{00000000-0000-0000-0000-000000000000}"/>
          </ac:spMkLst>
        </pc:spChg>
        <pc:spChg chg="del mod">
          <ac:chgData name="Brecht Nys" userId="8e187b20a541708e" providerId="LiveId" clId="{36D60E53-7AC6-461F-824A-71353C1A5322}" dt="2023-04-07T00:51:10.501" v="1066" actId="478"/>
          <ac:spMkLst>
            <pc:docMk/>
            <pc:sldMk cId="3028581465" sldId="831"/>
            <ac:spMk id="3" creationId="{907196DC-5EE3-6096-0D3D-0036808A5DE5}"/>
          </ac:spMkLst>
        </pc:spChg>
        <pc:spChg chg="del">
          <ac:chgData name="Brecht Nys" userId="8e187b20a541708e" providerId="LiveId" clId="{36D60E53-7AC6-461F-824A-71353C1A5322}" dt="2023-04-07T00:50:50.775" v="1058" actId="478"/>
          <ac:spMkLst>
            <pc:docMk/>
            <pc:sldMk cId="3028581465" sldId="831"/>
            <ac:spMk id="6" creationId="{EA9D07E0-A5C6-86C9-3B2A-69EA97E6B596}"/>
          </ac:spMkLst>
        </pc:spChg>
        <pc:spChg chg="del">
          <ac:chgData name="Brecht Nys" userId="8e187b20a541708e" providerId="LiveId" clId="{36D60E53-7AC6-461F-824A-71353C1A5322}" dt="2023-04-07T00:50:50.775" v="1058" actId="478"/>
          <ac:spMkLst>
            <pc:docMk/>
            <pc:sldMk cId="3028581465" sldId="831"/>
            <ac:spMk id="7" creationId="{3B86108A-7AF6-C128-3538-E3129D1F76F6}"/>
          </ac:spMkLst>
        </pc:spChg>
        <pc:spChg chg="del">
          <ac:chgData name="Brecht Nys" userId="8e187b20a541708e" providerId="LiveId" clId="{36D60E53-7AC6-461F-824A-71353C1A5322}" dt="2023-04-07T00:50:50.775" v="1058" actId="478"/>
          <ac:spMkLst>
            <pc:docMk/>
            <pc:sldMk cId="3028581465" sldId="831"/>
            <ac:spMk id="8" creationId="{7C259A82-2B28-B7A5-116E-6429B8DC1E00}"/>
          </ac:spMkLst>
        </pc:spChg>
        <pc:spChg chg="del mod">
          <ac:chgData name="Brecht Nys" userId="8e187b20a541708e" providerId="LiveId" clId="{36D60E53-7AC6-461F-824A-71353C1A5322}" dt="2023-04-07T00:51:12.653" v="1067" actId="478"/>
          <ac:spMkLst>
            <pc:docMk/>
            <pc:sldMk cId="3028581465" sldId="831"/>
            <ac:spMk id="9" creationId="{98A78A18-825E-C595-B308-29F28B0C2017}"/>
          </ac:spMkLst>
        </pc:spChg>
        <pc:spChg chg="mod">
          <ac:chgData name="Brecht Nys" userId="8e187b20a541708e" providerId="LiveId" clId="{36D60E53-7AC6-461F-824A-71353C1A5322}" dt="2023-04-07T01:02:41.329" v="1226" actId="14100"/>
          <ac:spMkLst>
            <pc:docMk/>
            <pc:sldMk cId="3028581465" sldId="831"/>
            <ac:spMk id="10" creationId="{69C24F2A-80FB-A4C8-4845-7634C6D7F389}"/>
          </ac:spMkLst>
        </pc:spChg>
        <pc:spChg chg="del">
          <ac:chgData name="Brecht Nys" userId="8e187b20a541708e" providerId="LiveId" clId="{36D60E53-7AC6-461F-824A-71353C1A5322}" dt="2023-04-07T00:50:50.775" v="1058" actId="478"/>
          <ac:spMkLst>
            <pc:docMk/>
            <pc:sldMk cId="3028581465" sldId="831"/>
            <ac:spMk id="14" creationId="{DCB9BDD5-A700-4E32-2871-F20697599D28}"/>
          </ac:spMkLst>
        </pc:spChg>
        <pc:spChg chg="del">
          <ac:chgData name="Brecht Nys" userId="8e187b20a541708e" providerId="LiveId" clId="{36D60E53-7AC6-461F-824A-71353C1A5322}" dt="2023-04-07T00:50:50.775" v="1058" actId="478"/>
          <ac:spMkLst>
            <pc:docMk/>
            <pc:sldMk cId="3028581465" sldId="831"/>
            <ac:spMk id="15" creationId="{13B68796-0446-361E-2749-848866C53D7E}"/>
          </ac:spMkLst>
        </pc:spChg>
        <pc:spChg chg="del">
          <ac:chgData name="Brecht Nys" userId="8e187b20a541708e" providerId="LiveId" clId="{36D60E53-7AC6-461F-824A-71353C1A5322}" dt="2023-04-07T00:50:50.775" v="1058" actId="478"/>
          <ac:spMkLst>
            <pc:docMk/>
            <pc:sldMk cId="3028581465" sldId="831"/>
            <ac:spMk id="16" creationId="{6636AB43-34F2-5A6F-CCC1-352568226909}"/>
          </ac:spMkLst>
        </pc:spChg>
        <pc:spChg chg="del">
          <ac:chgData name="Brecht Nys" userId="8e187b20a541708e" providerId="LiveId" clId="{36D60E53-7AC6-461F-824A-71353C1A5322}" dt="2023-04-07T00:50:50.775" v="1058" actId="478"/>
          <ac:spMkLst>
            <pc:docMk/>
            <pc:sldMk cId="3028581465" sldId="831"/>
            <ac:spMk id="17" creationId="{76FB6254-5555-D084-7C16-D7ED2802050A}"/>
          </ac:spMkLst>
        </pc:spChg>
        <pc:spChg chg="del">
          <ac:chgData name="Brecht Nys" userId="8e187b20a541708e" providerId="LiveId" clId="{36D60E53-7AC6-461F-824A-71353C1A5322}" dt="2023-04-07T00:50:50.775" v="1058" actId="478"/>
          <ac:spMkLst>
            <pc:docMk/>
            <pc:sldMk cId="3028581465" sldId="831"/>
            <ac:spMk id="18" creationId="{CE08E418-6377-B2AF-7447-B8BCFA277450}"/>
          </ac:spMkLst>
        </pc:spChg>
        <pc:spChg chg="del">
          <ac:chgData name="Brecht Nys" userId="8e187b20a541708e" providerId="LiveId" clId="{36D60E53-7AC6-461F-824A-71353C1A5322}" dt="2023-04-07T00:50:50.775" v="1058" actId="478"/>
          <ac:spMkLst>
            <pc:docMk/>
            <pc:sldMk cId="3028581465" sldId="831"/>
            <ac:spMk id="19" creationId="{4A5C37BD-0855-3F66-8F29-24140BB80B28}"/>
          </ac:spMkLst>
        </pc:spChg>
        <pc:picChg chg="mod">
          <ac:chgData name="Brecht Nys" userId="8e187b20a541708e" providerId="LiveId" clId="{36D60E53-7AC6-461F-824A-71353C1A5322}" dt="2023-04-07T00:51:08.583" v="1065" actId="1076"/>
          <ac:picMkLst>
            <pc:docMk/>
            <pc:sldMk cId="3028581465" sldId="831"/>
            <ac:picMk id="13" creationId="{E42525A9-8A87-0030-B929-1964E1BE0E1B}"/>
          </ac:picMkLst>
        </pc:picChg>
        <pc:picChg chg="del">
          <ac:chgData name="Brecht Nys" userId="8e187b20a541708e" providerId="LiveId" clId="{36D60E53-7AC6-461F-824A-71353C1A5322}" dt="2023-04-07T00:50:50.775" v="1058" actId="478"/>
          <ac:picMkLst>
            <pc:docMk/>
            <pc:sldMk cId="3028581465" sldId="831"/>
            <ac:picMk id="20" creationId="{214981DB-E871-049C-E78A-18094843428C}"/>
          </ac:picMkLst>
        </pc:picChg>
        <pc:picChg chg="del">
          <ac:chgData name="Brecht Nys" userId="8e187b20a541708e" providerId="LiveId" clId="{36D60E53-7AC6-461F-824A-71353C1A5322}" dt="2023-04-07T00:50:50.775" v="1058" actId="478"/>
          <ac:picMkLst>
            <pc:docMk/>
            <pc:sldMk cId="3028581465" sldId="831"/>
            <ac:picMk id="21" creationId="{A91BB158-B157-4A2E-4E1A-8F9EDC314196}"/>
          </ac:picMkLst>
        </pc:picChg>
        <pc:picChg chg="del">
          <ac:chgData name="Brecht Nys" userId="8e187b20a541708e" providerId="LiveId" clId="{36D60E53-7AC6-461F-824A-71353C1A5322}" dt="2023-04-07T00:50:50.775" v="1058" actId="478"/>
          <ac:picMkLst>
            <pc:docMk/>
            <pc:sldMk cId="3028581465" sldId="831"/>
            <ac:picMk id="22" creationId="{B44EBC3A-50E4-58B1-0F45-6BDFCCBC62ED}"/>
          </ac:picMkLst>
        </pc:picChg>
      </pc:sldChg>
      <pc:sldChg chg="addSp delSp modSp add mod">
        <pc:chgData name="Brecht Nys" userId="8e187b20a541708e" providerId="LiveId" clId="{36D60E53-7AC6-461F-824A-71353C1A5322}" dt="2023-04-07T01:04:39" v="1263" actId="1076"/>
        <pc:sldMkLst>
          <pc:docMk/>
          <pc:sldMk cId="1481987114" sldId="832"/>
        </pc:sldMkLst>
        <pc:spChg chg="mod">
          <ac:chgData name="Brecht Nys" userId="8e187b20a541708e" providerId="LiveId" clId="{36D60E53-7AC6-461F-824A-71353C1A5322}" dt="2023-04-07T00:51:46.837" v="1080"/>
          <ac:spMkLst>
            <pc:docMk/>
            <pc:sldMk cId="1481987114" sldId="832"/>
            <ac:spMk id="2" creationId="{00000000-0000-0000-0000-000000000000}"/>
          </ac:spMkLst>
        </pc:spChg>
        <pc:spChg chg="mod">
          <ac:chgData name="Brecht Nys" userId="8e187b20a541708e" providerId="LiveId" clId="{36D60E53-7AC6-461F-824A-71353C1A5322}" dt="2023-04-07T01:02:45.836" v="1227" actId="403"/>
          <ac:spMkLst>
            <pc:docMk/>
            <pc:sldMk cId="1481987114" sldId="832"/>
            <ac:spMk id="10" creationId="{69C24F2A-80FB-A4C8-4845-7634C6D7F389}"/>
          </ac:spMkLst>
        </pc:spChg>
        <pc:picChg chg="add del mod">
          <ac:chgData name="Brecht Nys" userId="8e187b20a541708e" providerId="LiveId" clId="{36D60E53-7AC6-461F-824A-71353C1A5322}" dt="2023-04-07T01:04:36.194" v="1262" actId="478"/>
          <ac:picMkLst>
            <pc:docMk/>
            <pc:sldMk cId="1481987114" sldId="832"/>
            <ac:picMk id="3" creationId="{08B588F8-3A95-CD4B-DA4E-D85A6DD8F3E0}"/>
          </ac:picMkLst>
        </pc:picChg>
        <pc:picChg chg="add mod">
          <ac:chgData name="Brecht Nys" userId="8e187b20a541708e" providerId="LiveId" clId="{36D60E53-7AC6-461F-824A-71353C1A5322}" dt="2023-04-07T01:04:39" v="1263" actId="1076"/>
          <ac:picMkLst>
            <pc:docMk/>
            <pc:sldMk cId="1481987114" sldId="832"/>
            <ac:picMk id="4" creationId="{CFF355B1-4A95-EED8-2227-5CCA777D442A}"/>
          </ac:picMkLst>
        </pc:picChg>
        <pc:picChg chg="del">
          <ac:chgData name="Brecht Nys" userId="8e187b20a541708e" providerId="LiveId" clId="{36D60E53-7AC6-461F-824A-71353C1A5322}" dt="2023-04-07T00:51:59.495" v="1083" actId="478"/>
          <ac:picMkLst>
            <pc:docMk/>
            <pc:sldMk cId="1481987114" sldId="832"/>
            <ac:picMk id="13" creationId="{E42525A9-8A87-0030-B929-1964E1BE0E1B}"/>
          </ac:picMkLst>
        </pc:picChg>
      </pc:sldChg>
      <pc:sldChg chg="addSp delSp modSp add mod">
        <pc:chgData name="Brecht Nys" userId="8e187b20a541708e" providerId="LiveId" clId="{36D60E53-7AC6-461F-824A-71353C1A5322}" dt="2023-04-07T01:02:51.252" v="1228" actId="403"/>
        <pc:sldMkLst>
          <pc:docMk/>
          <pc:sldMk cId="801080244" sldId="833"/>
        </pc:sldMkLst>
        <pc:spChg chg="mod">
          <ac:chgData name="Brecht Nys" userId="8e187b20a541708e" providerId="LiveId" clId="{36D60E53-7AC6-461F-824A-71353C1A5322}" dt="2023-04-07T00:52:25.860" v="1087"/>
          <ac:spMkLst>
            <pc:docMk/>
            <pc:sldMk cId="801080244" sldId="833"/>
            <ac:spMk id="2" creationId="{00000000-0000-0000-0000-000000000000}"/>
          </ac:spMkLst>
        </pc:spChg>
        <pc:spChg chg="mod">
          <ac:chgData name="Brecht Nys" userId="8e187b20a541708e" providerId="LiveId" clId="{36D60E53-7AC6-461F-824A-71353C1A5322}" dt="2023-04-07T01:02:51.252" v="1228" actId="403"/>
          <ac:spMkLst>
            <pc:docMk/>
            <pc:sldMk cId="801080244" sldId="833"/>
            <ac:spMk id="10" creationId="{69C24F2A-80FB-A4C8-4845-7634C6D7F389}"/>
          </ac:spMkLst>
        </pc:spChg>
        <pc:picChg chg="del">
          <ac:chgData name="Brecht Nys" userId="8e187b20a541708e" providerId="LiveId" clId="{36D60E53-7AC6-461F-824A-71353C1A5322}" dt="2023-04-07T00:52:51.605" v="1093" actId="478"/>
          <ac:picMkLst>
            <pc:docMk/>
            <pc:sldMk cId="801080244" sldId="833"/>
            <ac:picMk id="3" creationId="{08B588F8-3A95-CD4B-DA4E-D85A6DD8F3E0}"/>
          </ac:picMkLst>
        </pc:picChg>
        <pc:picChg chg="add mod">
          <ac:chgData name="Brecht Nys" userId="8e187b20a541708e" providerId="LiveId" clId="{36D60E53-7AC6-461F-824A-71353C1A5322}" dt="2023-04-07T00:52:53.559" v="1094" actId="1076"/>
          <ac:picMkLst>
            <pc:docMk/>
            <pc:sldMk cId="801080244" sldId="833"/>
            <ac:picMk id="4" creationId="{BBD01265-22C2-D44C-6CFD-21EC775D8082}"/>
          </ac:picMkLst>
        </pc:picChg>
      </pc:sldChg>
      <pc:sldChg chg="addSp delSp modSp add mod">
        <pc:chgData name="Brecht Nys" userId="8e187b20a541708e" providerId="LiveId" clId="{36D60E53-7AC6-461F-824A-71353C1A5322}" dt="2023-04-07T01:03:11.299" v="1230" actId="403"/>
        <pc:sldMkLst>
          <pc:docMk/>
          <pc:sldMk cId="1984546389" sldId="834"/>
        </pc:sldMkLst>
        <pc:spChg chg="mod">
          <ac:chgData name="Brecht Nys" userId="8e187b20a541708e" providerId="LiveId" clId="{36D60E53-7AC6-461F-824A-71353C1A5322}" dt="2023-04-07T00:53:10.853" v="1096"/>
          <ac:spMkLst>
            <pc:docMk/>
            <pc:sldMk cId="1984546389" sldId="834"/>
            <ac:spMk id="2" creationId="{00000000-0000-0000-0000-000000000000}"/>
          </ac:spMkLst>
        </pc:spChg>
        <pc:spChg chg="mod">
          <ac:chgData name="Brecht Nys" userId="8e187b20a541708e" providerId="LiveId" clId="{36D60E53-7AC6-461F-824A-71353C1A5322}" dt="2023-04-07T01:03:11.299" v="1230" actId="403"/>
          <ac:spMkLst>
            <pc:docMk/>
            <pc:sldMk cId="1984546389" sldId="834"/>
            <ac:spMk id="10" creationId="{69C24F2A-80FB-A4C8-4845-7634C6D7F389}"/>
          </ac:spMkLst>
        </pc:spChg>
        <pc:picChg chg="add mod">
          <ac:chgData name="Brecht Nys" userId="8e187b20a541708e" providerId="LiveId" clId="{36D60E53-7AC6-461F-824A-71353C1A5322}" dt="2023-04-07T00:53:46.551" v="1103" actId="1076"/>
          <ac:picMkLst>
            <pc:docMk/>
            <pc:sldMk cId="1984546389" sldId="834"/>
            <ac:picMk id="3" creationId="{73A3DB8B-0020-5156-CD99-AD79435AA86A}"/>
          </ac:picMkLst>
        </pc:picChg>
        <pc:picChg chg="del">
          <ac:chgData name="Brecht Nys" userId="8e187b20a541708e" providerId="LiveId" clId="{36D60E53-7AC6-461F-824A-71353C1A5322}" dt="2023-04-07T00:53:44.207" v="1102" actId="478"/>
          <ac:picMkLst>
            <pc:docMk/>
            <pc:sldMk cId="1984546389" sldId="834"/>
            <ac:picMk id="4" creationId="{BBD01265-22C2-D44C-6CFD-21EC775D8082}"/>
          </ac:picMkLst>
        </pc:picChg>
      </pc:sldChg>
      <pc:sldChg chg="delSp modSp del mod">
        <pc:chgData name="Brecht Nys" userId="8e187b20a541708e" providerId="LiveId" clId="{36D60E53-7AC6-461F-824A-71353C1A5322}" dt="2023-04-07T00:50:34.080" v="1037" actId="47"/>
        <pc:sldMkLst>
          <pc:docMk/>
          <pc:sldMk cId="3250051858" sldId="852"/>
        </pc:sldMkLst>
        <pc:spChg chg="mod">
          <ac:chgData name="Brecht Nys" userId="8e187b20a541708e" providerId="LiveId" clId="{36D60E53-7AC6-461F-824A-71353C1A5322}" dt="2023-04-07T00:27:52.002" v="136" actId="20577"/>
          <ac:spMkLst>
            <pc:docMk/>
            <pc:sldMk cId="3250051858" sldId="852"/>
            <ac:spMk id="2" creationId="{D15CC75F-DE5D-4CC9-A58C-C2B7638A667A}"/>
          </ac:spMkLst>
        </pc:spChg>
        <pc:spChg chg="del">
          <ac:chgData name="Brecht Nys" userId="8e187b20a541708e" providerId="LiveId" clId="{36D60E53-7AC6-461F-824A-71353C1A5322}" dt="2023-04-07T00:11:49.496" v="4" actId="478"/>
          <ac:spMkLst>
            <pc:docMk/>
            <pc:sldMk cId="3250051858" sldId="852"/>
            <ac:spMk id="6" creationId="{6B1E8997-475F-4E48-8E1E-BD9F8E1EC505}"/>
          </ac:spMkLst>
        </pc:spChg>
      </pc:sldChg>
      <pc:sldMasterChg chg="delSp mod modSldLayout">
        <pc:chgData name="Brecht Nys" userId="8e187b20a541708e" providerId="LiveId" clId="{36D60E53-7AC6-461F-824A-71353C1A5322}" dt="2023-04-07T00:11:35.198" v="3" actId="478"/>
        <pc:sldMasterMkLst>
          <pc:docMk/>
          <pc:sldMasterMk cId="2352157268" sldId="2147483648"/>
        </pc:sldMasterMkLst>
        <pc:spChg chg="del">
          <ac:chgData name="Brecht Nys" userId="8e187b20a541708e" providerId="LiveId" clId="{36D60E53-7AC6-461F-824A-71353C1A5322}" dt="2023-04-07T00:11:06.350" v="0" actId="478"/>
          <ac:spMkLst>
            <pc:docMk/>
            <pc:sldMasterMk cId="2352157268" sldId="2147483648"/>
            <ac:spMk id="4" creationId="{913FDD53-68C7-491D-8974-F2CDF6E65BAE}"/>
          </ac:spMkLst>
        </pc:spChg>
        <pc:spChg chg="del">
          <ac:chgData name="Brecht Nys" userId="8e187b20a541708e" providerId="LiveId" clId="{36D60E53-7AC6-461F-824A-71353C1A5322}" dt="2023-04-07T00:11:08.440" v="1" actId="478"/>
          <ac:spMkLst>
            <pc:docMk/>
            <pc:sldMasterMk cId="2352157268" sldId="2147483648"/>
            <ac:spMk id="5" creationId="{51247D62-6CA7-487C-AE60-4A613B62C8CD}"/>
          </ac:spMkLst>
        </pc:spChg>
        <pc:sldLayoutChg chg="delSp mod">
          <pc:chgData name="Brecht Nys" userId="8e187b20a541708e" providerId="LiveId" clId="{36D60E53-7AC6-461F-824A-71353C1A5322}" dt="2023-04-07T00:11:35.198" v="3" actId="478"/>
          <pc:sldLayoutMkLst>
            <pc:docMk/>
            <pc:sldMasterMk cId="2352157268" sldId="2147483648"/>
            <pc:sldLayoutMk cId="2841769788" sldId="2147483654"/>
          </pc:sldLayoutMkLst>
          <pc:spChg chg="del">
            <ac:chgData name="Brecht Nys" userId="8e187b20a541708e" providerId="LiveId" clId="{36D60E53-7AC6-461F-824A-71353C1A5322}" dt="2023-04-07T00:11:35.198" v="3" actId="478"/>
            <ac:spMkLst>
              <pc:docMk/>
              <pc:sldMasterMk cId="2352157268" sldId="2147483648"/>
              <pc:sldLayoutMk cId="2841769788" sldId="2147483654"/>
              <ac:spMk id="3" creationId="{1CE9A33F-E72D-4F8C-8D80-D05681AFFA4A}"/>
            </ac:spMkLst>
          </pc:spChg>
        </pc:sldLayoutChg>
      </pc:sldMasterChg>
    </pc:docChg>
  </pc:docChgLst>
  <pc:docChgLst>
    <pc:chgData name="Nys, B (Brecht) (Business Manager III)" userId="f0c14ff5-aa98-4919-8cfd-4bc2d31aed24" providerId="ADAL" clId="{74D9DAB8-25BB-43A5-BD9A-16F7145A14D8}"/>
    <pc:docChg chg="modSld">
      <pc:chgData name="Nys, B (Brecht) (Business Manager III)" userId="f0c14ff5-aa98-4919-8cfd-4bc2d31aed24" providerId="ADAL" clId="{74D9DAB8-25BB-43A5-BD9A-16F7145A14D8}" dt="2023-01-13T21:55:39.242" v="5" actId="167"/>
      <pc:docMkLst>
        <pc:docMk/>
      </pc:docMkLst>
      <pc:sldChg chg="addSp modSp mod">
        <pc:chgData name="Nys, B (Brecht) (Business Manager III)" userId="f0c14ff5-aa98-4919-8cfd-4bc2d31aed24" providerId="ADAL" clId="{74D9DAB8-25BB-43A5-BD9A-16F7145A14D8}" dt="2023-01-13T21:55:39.242" v="5" actId="167"/>
        <pc:sldMkLst>
          <pc:docMk/>
          <pc:sldMk cId="269678020" sldId="871"/>
        </pc:sldMkLst>
        <pc:spChg chg="add mod ord">
          <ac:chgData name="Nys, B (Brecht) (Business Manager III)" userId="f0c14ff5-aa98-4919-8cfd-4bc2d31aed24" providerId="ADAL" clId="{74D9DAB8-25BB-43A5-BD9A-16F7145A14D8}" dt="2023-01-13T21:55:39.242" v="5" actId="167"/>
          <ac:spMkLst>
            <pc:docMk/>
            <pc:sldMk cId="269678020" sldId="871"/>
            <ac:spMk id="42" creationId="{39204774-3469-4FCF-BD2B-3FE33A13F15F}"/>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7/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07/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7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7/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4.xml"/><Relationship Id="rId7" Type="http://schemas.openxmlformats.org/officeDocument/2006/relationships/image" Target="../media/image21.pn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slideLayout" Target="../slideLayouts/slideLayout33.xml"/></Relationships>
</file>

<file path=ppt/slides/_rels/slide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5.xml"/></Relationships>
</file>

<file path=ppt/slides/_rels/slide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6.xml"/></Relationships>
</file>

<file path=ppt/slides/_rels/slide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slideLayout" Target="../slideLayouts/slideLayout33.xml"/><Relationship Id="rId1" Type="http://schemas.openxmlformats.org/officeDocument/2006/relationships/tags" Target="../tags/tag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826836"/>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Kevin Guillemette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3" name="Rectangle 2">
            <a:extLst>
              <a:ext uri="{FF2B5EF4-FFF2-40B4-BE49-F238E27FC236}">
                <a16:creationId xmlns:a16="http://schemas.microsoft.com/office/drawing/2014/main" id="{907196DC-5EE3-6096-0D3D-0036808A5DE5}"/>
              </a:ext>
            </a:extLst>
          </p:cNvPr>
          <p:cNvSpPr/>
          <p:nvPr/>
        </p:nvSpPr>
        <p:spPr>
          <a:xfrm>
            <a:off x="7036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6" name="Rectangle 5">
            <a:extLst>
              <a:ext uri="{FF2B5EF4-FFF2-40B4-BE49-F238E27FC236}">
                <a16:creationId xmlns:a16="http://schemas.microsoft.com/office/drawing/2014/main" id="{EA9D07E0-A5C6-86C9-3B2A-69EA97E6B596}"/>
              </a:ext>
            </a:extLst>
          </p:cNvPr>
          <p:cNvSpPr/>
          <p:nvPr/>
        </p:nvSpPr>
        <p:spPr>
          <a:xfrm>
            <a:off x="34087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61138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8818975" y="1828800"/>
            <a:ext cx="2529650"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TextBox 8">
            <a:extLst>
              <a:ext uri="{FF2B5EF4-FFF2-40B4-BE49-F238E27FC236}">
                <a16:creationId xmlns:a16="http://schemas.microsoft.com/office/drawing/2014/main" id="{98A78A18-825E-C595-B308-29F28B0C2017}"/>
              </a:ext>
            </a:extLst>
          </p:cNvPr>
          <p:cNvSpPr txBox="1"/>
          <p:nvPr/>
        </p:nvSpPr>
        <p:spPr>
          <a:xfrm>
            <a:off x="703674"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703673" y="4207646"/>
            <a:ext cx="2529649"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704722" y="1959828"/>
            <a:ext cx="527556" cy="1143876"/>
          </a:xfrm>
          <a:prstGeom prst="rect">
            <a:avLst/>
          </a:prstGeom>
        </p:spPr>
      </p:pic>
      <p:sp>
        <p:nvSpPr>
          <p:cNvPr id="14" name="TextBox 13">
            <a:extLst>
              <a:ext uri="{FF2B5EF4-FFF2-40B4-BE49-F238E27FC236}">
                <a16:creationId xmlns:a16="http://schemas.microsoft.com/office/drawing/2014/main" id="{DCB9BDD5-A700-4E32-2871-F20697599D28}"/>
              </a:ext>
            </a:extLst>
          </p:cNvPr>
          <p:cNvSpPr txBox="1"/>
          <p:nvPr/>
        </p:nvSpPr>
        <p:spPr>
          <a:xfrm>
            <a:off x="3408768" y="3270354"/>
            <a:ext cx="2534831"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6113870" y="3270354"/>
            <a:ext cx="2529655"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8818976" y="3270354"/>
            <a:ext cx="25296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3403600" y="4207646"/>
            <a:ext cx="2534825" cy="1384995"/>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61190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8824143" y="4207646"/>
            <a:ext cx="2524482"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2"/>
            </p:custDataLst>
          </p:nvPr>
        </p:nvPicPr>
        <p:blipFill rotWithShape="1">
          <a:blip r:embed="rId6">
            <a:extLst>
              <a:ext uri="{28A0092B-C50C-407E-A947-70E740481C1C}">
                <a14:useLocalDpi xmlns:a14="http://schemas.microsoft.com/office/drawing/2010/main" val="0"/>
              </a:ext>
            </a:extLst>
          </a:blip>
          <a:srcRect/>
          <a:stretch/>
        </p:blipFill>
        <p:spPr>
          <a:xfrm>
            <a:off x="6995648" y="211052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3"/>
            </p:custDataLst>
          </p:nvPr>
        </p:nvPicPr>
        <p:blipFill rotWithShape="1">
          <a:blip r:embed="rId7">
            <a:extLst>
              <a:ext uri="{28A0092B-C50C-407E-A947-70E740481C1C}">
                <a14:useLocalDpi xmlns:a14="http://schemas.microsoft.com/office/drawing/2010/main" val="0"/>
              </a:ext>
            </a:extLst>
          </a:blip>
          <a:srcRect/>
          <a:stretch/>
        </p:blipFill>
        <p:spPr>
          <a:xfrm>
            <a:off x="9700332" y="2110528"/>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8"/>
          <a:stretch>
            <a:fillRect/>
          </a:stretch>
        </p:blipFill>
        <p:spPr>
          <a:xfrm>
            <a:off x="4216188" y="2046087"/>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Climate</a:t>
            </a:r>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100182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Countries with higher average temperatures or higher levels of humidity exhibit increased numbers of COVID-19 cases.</a:t>
            </a:r>
          </a:p>
        </p:txBody>
      </p:sp>
      <p:pic>
        <p:nvPicPr>
          <p:cNvPr id="13" name="Picture 12">
            <a:extLst>
              <a:ext uri="{FF2B5EF4-FFF2-40B4-BE49-F238E27FC236}">
                <a16:creationId xmlns:a16="http://schemas.microsoft.com/office/drawing/2014/main" id="{E42525A9-8A87-0030-B929-1964E1BE0E1B}"/>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27800" y="281020"/>
            <a:ext cx="435996" cy="945352"/>
          </a:xfrm>
          <a:prstGeom prst="rect">
            <a:avLst/>
          </a:prstGeom>
        </p:spPr>
      </p:pic>
    </p:spTree>
    <p:extLst>
      <p:ext uri="{BB962C8B-B14F-4D97-AF65-F5344CB8AC3E}">
        <p14:creationId xmlns:p14="http://schemas.microsoft.com/office/powerpoint/2010/main" val="3028581465"/>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388388" y="420399"/>
            <a:ext cx="914825" cy="971359"/>
          </a:xfrm>
          <a:prstGeom prst="rect">
            <a:avLst/>
          </a:prstGeom>
        </p:spPr>
      </p:pic>
    </p:spTree>
    <p:extLst>
      <p:ext uri="{BB962C8B-B14F-4D97-AF65-F5344CB8AC3E}">
        <p14:creationId xmlns:p14="http://schemas.microsoft.com/office/powerpoint/2010/main" val="148198711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107148" y="484840"/>
            <a:ext cx="766104" cy="842477"/>
          </a:xfrm>
          <a:prstGeom prst="rect">
            <a:avLst/>
          </a:prstGeom>
        </p:spPr>
      </p:pic>
    </p:spTree>
    <p:extLst>
      <p:ext uri="{BB962C8B-B14F-4D97-AF65-F5344CB8AC3E}">
        <p14:creationId xmlns:p14="http://schemas.microsoft.com/office/powerpoint/2010/main" val="80108024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3" name="Picture 2">
            <a:extLst>
              <a:ext uri="{FF2B5EF4-FFF2-40B4-BE49-F238E27FC236}">
                <a16:creationId xmlns:a16="http://schemas.microsoft.com/office/drawing/2014/main" id="{73A3DB8B-0020-5156-CD99-AD79435AA86A}"/>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106731" y="484840"/>
            <a:ext cx="766937" cy="842477"/>
          </a:xfrm>
          <a:prstGeom prst="rect">
            <a:avLst/>
          </a:prstGeom>
        </p:spPr>
      </p:pic>
    </p:spTree>
    <p:extLst>
      <p:ext uri="{BB962C8B-B14F-4D97-AF65-F5344CB8AC3E}">
        <p14:creationId xmlns:p14="http://schemas.microsoft.com/office/powerpoint/2010/main" val="198454638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5.xml><?xml version="1.0" encoding="utf-8"?>
<TemplafyFormConfiguration><![CDATA[{"formFields":[],"formDataEntries":[]}]]></TemplafyFormConfiguration>
</file>

<file path=customXml/itemProps1.xml><?xml version="1.0" encoding="utf-8"?>
<ds:datastoreItem xmlns:ds="http://schemas.openxmlformats.org/officeDocument/2006/customXml" ds:itemID="{315C6B6F-3F60-4A48-A01A-A17079FA84ED}">
  <ds:schemaRefs>
    <ds:schemaRef ds:uri="http://schemas.microsoft.com/sharepoint/v3/contenttype/forms"/>
  </ds:schemaRefs>
</ds:datastoreItem>
</file>

<file path=customXml/itemProps2.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customXml/itemProps3.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C9B96071-12D7-45F2-BE4E-8DF39564C746}">
  <ds:schemaRefs/>
</ds:datastoreItem>
</file>

<file path=customXml/itemProps5.xml><?xml version="1.0" encoding="utf-8"?>
<ds:datastoreItem xmlns:ds="http://schemas.openxmlformats.org/officeDocument/2006/customXml" ds:itemID="{6DF3E12A-6C1E-4E88-8400-118A6A2BB65F}">
  <ds:schemaRefs/>
</ds:datastoreItem>
</file>

<file path=docProps/app.xml><?xml version="1.0" encoding="utf-8"?>
<Properties xmlns="http://schemas.openxmlformats.org/officeDocument/2006/extended-properties" xmlns:vt="http://schemas.openxmlformats.org/officeDocument/2006/docPropsVTypes">
  <Template/>
  <TotalTime>10147</TotalTime>
  <Words>191</Words>
  <Application>Microsoft Office PowerPoint</Application>
  <PresentationFormat>Widescreen</PresentationFormat>
  <Paragraphs>20</Paragraphs>
  <Slides>6</Slides>
  <Notes>1</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6</vt:i4>
      </vt:variant>
    </vt:vector>
  </HeadingPairs>
  <TitlesOfParts>
    <vt:vector size="15" baseType="lpstr">
      <vt:lpstr>Myriad for Rabobank It</vt:lpstr>
      <vt:lpstr>Myriad for Rabobank SBd</vt:lpstr>
      <vt:lpstr>Arial</vt:lpstr>
      <vt:lpstr>Myriad for Rabobank SBd It</vt:lpstr>
      <vt:lpstr>Myriad for Rabobank Bd It</vt:lpstr>
      <vt:lpstr>Myriad Pro</vt:lpstr>
      <vt:lpstr>Myriad for Rabobank Lt</vt:lpstr>
      <vt:lpstr>Myriad for Rabobank</vt:lpstr>
      <vt:lpstr>Rabobank (2021)</vt:lpstr>
      <vt:lpstr>The influence of various factors on the spread of COVID-19</vt:lpstr>
      <vt:lpstr>The factors that we have considered…</vt:lpstr>
      <vt:lpstr>Factor: Climate</vt:lpstr>
      <vt:lpstr>Factor: Government Response </vt:lpstr>
      <vt:lpstr>Factor: Vaccination Rate  </vt:lpstr>
      <vt:lpstr>Factor: Air Quality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Brecht Nys</cp:lastModifiedBy>
  <cp:revision>332</cp:revision>
  <cp:lastPrinted>2021-12-19T14:36:36Z</cp:lastPrinted>
  <dcterms:created xsi:type="dcterms:W3CDTF">2021-12-16T08:31:56Z</dcterms:created>
  <dcterms:modified xsi:type="dcterms:W3CDTF">2023-04-07T01:04:4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